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handoutMasterIdLst>
    <p:handoutMasterId r:id="rId17"/>
  </p:handoutMasterIdLst>
  <p:sldIdLst>
    <p:sldId id="256" r:id="rId2"/>
    <p:sldId id="259" r:id="rId3"/>
    <p:sldId id="262" r:id="rId4"/>
    <p:sldId id="268" r:id="rId5"/>
    <p:sldId id="269" r:id="rId6"/>
    <p:sldId id="270" r:id="rId7"/>
    <p:sldId id="271" r:id="rId8"/>
    <p:sldId id="272" r:id="rId9"/>
    <p:sldId id="273" r:id="rId10"/>
    <p:sldId id="274" r:id="rId11"/>
    <p:sldId id="275" r:id="rId12"/>
    <p:sldId id="276" r:id="rId13"/>
    <p:sldId id="277" r:id="rId14"/>
    <p:sldId id="278" r:id="rId15"/>
    <p:sldId id="267" r:id="rId16"/>
  </p:sldIdLst>
  <p:sldSz cx="12192000" cy="6858000"/>
  <p:notesSz cx="6858000" cy="9144000"/>
  <p:defaultTextStyle>
    <a:defPPr>
      <a:defRPr lang="es-CO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B08840"/>
    <a:srgbClr val="93BB54"/>
    <a:srgbClr val="C49E4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052" autoAdjust="0"/>
    <p:restoredTop sz="94660"/>
  </p:normalViewPr>
  <p:slideViewPr>
    <p:cSldViewPr snapToGrid="0">
      <p:cViewPr varScale="1">
        <p:scale>
          <a:sx n="100" d="100"/>
          <a:sy n="100" d="100"/>
        </p:scale>
        <p:origin x="96" y="31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3" d="100"/>
          <a:sy n="83" d="100"/>
        </p:scale>
        <p:origin x="3992" y="20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presProps" Target="presProps.xml"/><Relationship Id="rId3" Type="http://schemas.openxmlformats.org/officeDocument/2006/relationships/slide" Target="slides/slide2.xml"/><Relationship Id="rId21" Type="http://schemas.openxmlformats.org/officeDocument/2006/relationships/tableStyles" Target="tableStyle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handoutMaster" Target="handoutMasters/handout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10" Type="http://schemas.openxmlformats.org/officeDocument/2006/relationships/slide" Target="slides/slide9.xml"/><Relationship Id="rId19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>
            <a:extLst>
              <a:ext uri="{FF2B5EF4-FFF2-40B4-BE49-F238E27FC236}">
                <a16:creationId xmlns:a16="http://schemas.microsoft.com/office/drawing/2014/main" id="{7DE8F55E-3564-59E0-6AB4-0A68F599327F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F2C491CA-AD82-21DA-B6AF-104C3C649271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065CE21-4FFD-43E4-9BE1-44B69E389DE4}" type="datetimeFigureOut">
              <a:rPr lang="es-CO" smtClean="0"/>
              <a:t>3/03/2026</a:t>
            </a:fld>
            <a:endParaRPr lang="es-CO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4018EA8-D50D-6048-06A1-98CC923A5FF1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9F885154-3EB1-CC47-4591-C970E8A909C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55897CF-0428-44F3-9C91-0685A4FB6EB6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89006162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eño personaliz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6AD64394-963E-D625-32AA-BDFC76B6E81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C0F68054-34D7-9279-DFD5-715512BF4F9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4916C35A-4761-CBE9-49AD-2C3A4928C1E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6" name="Imagen 5">
            <a:extLst>
              <a:ext uri="{FF2B5EF4-FFF2-40B4-BE49-F238E27FC236}">
                <a16:creationId xmlns:a16="http://schemas.microsoft.com/office/drawing/2014/main" id="{53806064-D094-DA86-6C22-C9CFC529A6B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847893" y="2139929"/>
            <a:ext cx="2496212" cy="17830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345613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0A0128F-3548-EBBF-BD29-1EB1D24572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2B611771-8F44-52FC-9741-53E17FE3733D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CA0D0EFA-890A-CDAE-F1B6-CDA7C84A4B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903C958-22C5-59D4-D584-C88407A5F5A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0441F80-8960-189A-2E8E-15505E6A0F9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id="{BFA9D7E4-7BA0-40B7-FF99-DD7B5CDE5C94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0469703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531F210-8371-C703-B82E-47C593C78A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0B15A348-98B3-3879-5E17-CB0127E64850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88F33D3A-1132-9B1A-B962-CD60ABDB6F5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81E0D49E-7178-69A3-8F58-4D4C48A6CE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2F5CC090-A935-39EC-1352-2703D7774C2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F9F37035-180E-0152-1228-EECA44274B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92669381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0ECAB338-F339-66BE-83C6-7A3F6FECC92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9935FC1-EFEA-9E70-C955-E0F46AFA991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B52A0A90-FD8F-D098-9E3C-8B3903C7EAD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texto 4">
            <a:extLst>
              <a:ext uri="{FF2B5EF4-FFF2-40B4-BE49-F238E27FC236}">
                <a16:creationId xmlns:a16="http://schemas.microsoft.com/office/drawing/2014/main" id="{A0F47486-611C-6371-6BFF-C8AADB90A803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6" name="Marcador de contenido 5">
            <a:extLst>
              <a:ext uri="{FF2B5EF4-FFF2-40B4-BE49-F238E27FC236}">
                <a16:creationId xmlns:a16="http://schemas.microsoft.com/office/drawing/2014/main" id="{25A5BFE2-9B56-F9FE-1317-1698B3D8A8E5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7" name="Marcador de fecha 6">
            <a:extLst>
              <a:ext uri="{FF2B5EF4-FFF2-40B4-BE49-F238E27FC236}">
                <a16:creationId xmlns:a16="http://schemas.microsoft.com/office/drawing/2014/main" id="{758251A3-C7BF-3DF9-1006-6349C94FA1F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8" name="Marcador de pie de página 7">
            <a:extLst>
              <a:ext uri="{FF2B5EF4-FFF2-40B4-BE49-F238E27FC236}">
                <a16:creationId xmlns:a16="http://schemas.microsoft.com/office/drawing/2014/main" id="{644687DF-C287-0B90-0384-AC46566F9D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9" name="Marcador de número de diapositiva 8">
            <a:extLst>
              <a:ext uri="{FF2B5EF4-FFF2-40B4-BE49-F238E27FC236}">
                <a16:creationId xmlns:a16="http://schemas.microsoft.com/office/drawing/2014/main" id="{EB92D22D-0268-7F05-56E0-5963F89C291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25733376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BB5FE461-F01D-222B-4C7C-57D2AA8652C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5CFB908D-19D2-F83C-4039-D58C06ECA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77D68EF-BFF2-A72E-07EE-5E72D7A474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538FE25A-BF2A-CF99-7E87-C956434B72E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271424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>
            <a:extLst>
              <a:ext uri="{FF2B5EF4-FFF2-40B4-BE49-F238E27FC236}">
                <a16:creationId xmlns:a16="http://schemas.microsoft.com/office/drawing/2014/main" id="{DB9DC9B7-1E4F-7D26-4BD7-745061F4E2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3" name="Marcador de pie de página 2">
            <a:extLst>
              <a:ext uri="{FF2B5EF4-FFF2-40B4-BE49-F238E27FC236}">
                <a16:creationId xmlns:a16="http://schemas.microsoft.com/office/drawing/2014/main" id="{9F5816B9-11D6-2A5A-0FD1-DB0FC94DB76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4" name="Marcador de número de diapositiva 3">
            <a:extLst>
              <a:ext uri="{FF2B5EF4-FFF2-40B4-BE49-F238E27FC236}">
                <a16:creationId xmlns:a16="http://schemas.microsoft.com/office/drawing/2014/main" id="{D3A788D0-F4D3-2B6C-9239-17F58235B6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66274941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4911F9C-4982-DC10-47A7-6087D7976D8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CA2D4D84-B18F-DC4C-91BD-C2D2452F670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>
                <a:latin typeface="Verdana" panose="020B0604030504040204" pitchFamily="34" charset="0"/>
              </a:defRPr>
            </a:lvl1pPr>
            <a:lvl2pPr>
              <a:defRPr sz="2800">
                <a:latin typeface="Verdana" panose="020B0604030504040204" pitchFamily="34" charset="0"/>
              </a:defRPr>
            </a:lvl2pPr>
            <a:lvl3pPr>
              <a:defRPr sz="2400">
                <a:latin typeface="Verdana" panose="020B0604030504040204" pitchFamily="34" charset="0"/>
              </a:defRPr>
            </a:lvl3pPr>
            <a:lvl4pPr>
              <a:defRPr sz="2000">
                <a:latin typeface="Verdana" panose="020B0604030504040204" pitchFamily="34" charset="0"/>
              </a:defRPr>
            </a:lvl4pPr>
            <a:lvl5pPr>
              <a:defRPr sz="2000">
                <a:latin typeface="Verdana" panose="020B0604030504040204" pitchFamily="34" charset="0"/>
              </a:defRPr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F14A5BCA-21FB-4F80-5D90-71B92FADA722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1DC4DC66-6DB7-E14E-1352-1E2E2ED4EDE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15AEA652-EF40-005F-FF90-AD253E40DB7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9E9AB725-99AA-BB55-8E39-F039EB14A8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9509649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9E65C95-5503-7D88-003E-0E2E5F91130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posición de imagen 2">
            <a:extLst>
              <a:ext uri="{FF2B5EF4-FFF2-40B4-BE49-F238E27FC236}">
                <a16:creationId xmlns:a16="http://schemas.microsoft.com/office/drawing/2014/main" id="{93AC4D1E-48F0-A1F3-F9C4-7B875CE887C0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>
                <a:latin typeface="Verdana" panose="020B0604030504040204" pitchFamily="34" charset="0"/>
              </a:defRPr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31F0E517-DE99-33E7-2751-3A45597C88D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F9892408-C707-58E8-CE35-B1C506B77F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A65293AC-92C2-E7E4-0ECB-1F609042D46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5AB57530-0A48-7CB0-27F9-91E065538C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75266611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F505C3E2-E170-9268-25A1-AE60BCD4A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6FDC4665-0C8C-E09A-7C93-4DB3CB0A64F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3863F176-85B0-9D54-437B-996F56A1D5B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D9FF4C6-8C08-CBB4-3CE2-59E6FA53D10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DD7E2D5-E6C7-D872-FB2D-BAF970486C9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528054571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>
            <a:extLst>
              <a:ext uri="{FF2B5EF4-FFF2-40B4-BE49-F238E27FC236}">
                <a16:creationId xmlns:a16="http://schemas.microsoft.com/office/drawing/2014/main" id="{2BAB6635-A1FA-05FB-BAB0-2B865D5253CF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86005000-C67B-39FC-C963-1BE222E2F73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277B06B-FF69-1B1F-5058-EED75F49A9F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A1E3432-7CD9-B690-69AF-9AB3EC20FD4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40FBBF71-D1BB-B37A-0A5C-4B7A1432A5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8226546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49AFD091-953C-4B8E-5508-A2D6A3D77D1D}"/>
              </a:ext>
            </a:extLst>
          </p:cNvPr>
          <p:cNvSpPr/>
          <p:nvPr userDrawn="1"/>
        </p:nvSpPr>
        <p:spPr>
          <a:xfrm>
            <a:off x="0" y="819253"/>
            <a:ext cx="12192000" cy="5219493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1525586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F663A175-52FA-6661-1F93-E14E5215D728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57220719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23791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1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247258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2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75239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3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80343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4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612935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5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8919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>
            <a:extLst>
              <a:ext uri="{FF2B5EF4-FFF2-40B4-BE49-F238E27FC236}">
                <a16:creationId xmlns:a16="http://schemas.microsoft.com/office/drawing/2014/main" id="{CF842174-351A-5C35-E775-1CDC59E177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5D2E68F-9A0D-D89E-ED06-73EDB9E63B64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D0A95696-420C-C45E-6F3E-ED258E8D8B8B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3/03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4BEF4216-2A8E-0656-28FD-6CAD51853C5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26FEC2FF-6B1B-D345-F657-95FAADED47F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3260689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49" r:id="rId2"/>
    <p:sldLayoutId id="2147483660" r:id="rId3"/>
    <p:sldLayoutId id="2147483651" r:id="rId4"/>
    <p:sldLayoutId id="2147483662" r:id="rId5"/>
    <p:sldLayoutId id="2147483663" r:id="rId6"/>
    <p:sldLayoutId id="2147483664" r:id="rId7"/>
    <p:sldLayoutId id="2147483665" r:id="rId8"/>
    <p:sldLayoutId id="2147483666" r:id="rId9"/>
    <p:sldLayoutId id="2147483650" r:id="rId10"/>
    <p:sldLayoutId id="2147483652" r:id="rId11"/>
    <p:sldLayoutId id="2147483653" r:id="rId12"/>
    <p:sldLayoutId id="2147483654" r:id="rId13"/>
    <p:sldLayoutId id="2147483655" r:id="rId14"/>
    <p:sldLayoutId id="2147483656" r:id="rId15"/>
    <p:sldLayoutId id="2147483657" r:id="rId16"/>
    <p:sldLayoutId id="2147483658" r:id="rId17"/>
    <p:sldLayoutId id="2147483659" r:id="rId18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Verdana" panose="020B0604030504040204" pitchFamily="34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8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9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0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1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3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4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5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6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78096176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F185F5F-1E70-85E5-1755-07AC691C569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3225E8C6-5243-8125-4BCE-B2A55F209017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Acumulado Agosto 2025</a:t>
            </a:r>
            <a:endParaRPr lang="en-US" sz="2000" dirty="0">
              <a:solidFill>
                <a:schemeClr val="bg1"/>
              </a:solidFill>
              <a:latin typeface="Gill Sans MT" panose="020B0502020104020203" pitchFamily="34" charset="0"/>
              <a:ea typeface="LF_Kai" pitchFamily="65" charset="-120"/>
            </a:endParaRP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3FAB661A-D5D8-0EF4-7A23-A41509C920A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34877"/>
            <a:ext cx="7556741" cy="51461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53742469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B1D07A1-7FE4-6929-E5FC-145F583DC7A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0C254D58-EE34-5F33-4AC1-EF9E2BD1EA3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Septiembre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5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C56DC9AF-F7CC-117B-7FAE-D2BB2D0B8851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28750"/>
            <a:ext cx="7556741" cy="510120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69857019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E7D4EACF-6D62-4931-A5AD-67791B853ED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93C62589-951F-A588-D84B-93E4FCB2C3BB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Octubre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5</a:t>
            </a:r>
          </a:p>
        </p:txBody>
      </p:sp>
      <p:pic>
        <p:nvPicPr>
          <p:cNvPr id="5" name="Imagen 4">
            <a:extLst>
              <a:ext uri="{FF2B5EF4-FFF2-40B4-BE49-F238E27FC236}">
                <a16:creationId xmlns:a16="http://schemas.microsoft.com/office/drawing/2014/main" id="{02817ABB-C012-73DB-B6E9-18F195AC76F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04605"/>
            <a:ext cx="7556741" cy="51390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20283234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2C50A6F1-7630-26BE-7D97-9BD4AFD45E9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F6DE513F-1C52-0700-6F1A-8E0C7D4EB6FB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Noviembre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5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90F2371D-FDCC-DD71-D6EF-49935FD3682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32088"/>
            <a:ext cx="7556741" cy="504491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27484601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D672079-2C9E-E778-2233-1C7FB25BA81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9279DEB6-4860-8150-2FE7-284CD2A37E15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Diciembre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5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960A8889-77E7-379D-C9B7-EC415E37062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466850"/>
            <a:ext cx="7556741" cy="50768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06329986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7528667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ítulo 3">
            <a:extLst>
              <a:ext uri="{FF2B5EF4-FFF2-40B4-BE49-F238E27FC236}">
                <a16:creationId xmlns:a16="http://schemas.microsoft.com/office/drawing/2014/main" id="{9C8D3793-EBDF-5E1F-3996-1011F5B46289}"/>
              </a:ext>
            </a:extLst>
          </p:cNvPr>
          <p:cNvSpPr txBox="1">
            <a:spLocks/>
          </p:cNvSpPr>
          <p:nvPr/>
        </p:nvSpPr>
        <p:spPr>
          <a:xfrm>
            <a:off x="1526108" y="1561260"/>
            <a:ext cx="8745637" cy="1405103"/>
          </a:xfrm>
          <a:prstGeom prst="rect">
            <a:avLst/>
          </a:prstGeom>
          <a:ln>
            <a:noFill/>
          </a:ln>
        </p:spPr>
        <p:txBody>
          <a:bodyPr vert="horz" lIns="91440" tIns="45720" rIns="91440" bIns="45720" rtlCol="0" anchor="b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Verdana" panose="020B0604030504040204" pitchFamily="34" charset="0"/>
                <a:ea typeface="+mj-ea"/>
                <a:cs typeface="+mj-cs"/>
              </a:defRPr>
            </a:lvl1pPr>
          </a:lstStyle>
          <a:p>
            <a:pPr fontAlgn="base">
              <a:spcAft>
                <a:spcPct val="0"/>
              </a:spcAft>
            </a:pP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Ranking de </a:t>
            </a:r>
            <a:b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</a:b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Creadores de Mercado</a:t>
            </a:r>
          </a:p>
        </p:txBody>
      </p:sp>
      <p:cxnSp>
        <p:nvCxnSpPr>
          <p:cNvPr id="15" name="Conector recto 14">
            <a:extLst>
              <a:ext uri="{FF2B5EF4-FFF2-40B4-BE49-F238E27FC236}">
                <a16:creationId xmlns:a16="http://schemas.microsoft.com/office/drawing/2014/main" id="{07CB2684-B359-5C15-3B50-8910D0B16762}"/>
              </a:ext>
            </a:extLst>
          </p:cNvPr>
          <p:cNvCxnSpPr/>
          <p:nvPr/>
        </p:nvCxnSpPr>
        <p:spPr>
          <a:xfrm>
            <a:off x="1246297" y="1254781"/>
            <a:ext cx="0" cy="4088921"/>
          </a:xfrm>
          <a:prstGeom prst="line">
            <a:avLst/>
          </a:prstGeom>
          <a:ln w="73025">
            <a:solidFill>
              <a:srgbClr val="B0884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CuadroTexto 3">
            <a:extLst>
              <a:ext uri="{FF2B5EF4-FFF2-40B4-BE49-F238E27FC236}">
                <a16:creationId xmlns:a16="http://schemas.microsoft.com/office/drawing/2014/main" id="{A1889C1F-75E7-D868-6725-356C56FEF9EB}"/>
              </a:ext>
            </a:extLst>
          </p:cNvPr>
          <p:cNvSpPr txBox="1"/>
          <p:nvPr/>
        </p:nvSpPr>
        <p:spPr>
          <a:xfrm>
            <a:off x="1526110" y="3185160"/>
            <a:ext cx="8745635" cy="1815882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Dirección General de Crédito Público </a:t>
            </a: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y Tesoro Nacional</a:t>
            </a:r>
          </a:p>
          <a:p>
            <a:endParaRPr lang="es-ES" sz="2800" dirty="0">
              <a:solidFill>
                <a:srgbClr val="B08840"/>
              </a:solidFill>
              <a:latin typeface="Verdana" panose="020B0604030504040204" pitchFamily="34" charset="0"/>
              <a:ea typeface="Verdana" panose="020B0604030504040204" pitchFamily="34" charset="0"/>
              <a:cs typeface="JasmineUPC" panose="02020603050405020304" pitchFamily="18" charset="-34"/>
            </a:endParaRP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2025</a:t>
            </a:r>
          </a:p>
        </p:txBody>
      </p:sp>
    </p:spTree>
    <p:extLst>
      <p:ext uri="{BB962C8B-B14F-4D97-AF65-F5344CB8AC3E}">
        <p14:creationId xmlns:p14="http://schemas.microsoft.com/office/powerpoint/2010/main" val="1287694010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En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5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968FD571-28CE-78FD-8CCB-10B75309A10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45757"/>
            <a:ext cx="7556741" cy="51624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5327941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Febr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5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0F39D2C8-C4FE-FF24-5377-035883E70A5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22401"/>
            <a:ext cx="7556741" cy="51861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839184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A46C413-EEF0-8DAC-1A05-9F43F179142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9650C1FD-A435-F73D-4237-428560EE6419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rzo 2025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F6F8987B-F019-5023-BA07-A82B5697EC7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63578"/>
            <a:ext cx="7556741" cy="52297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734393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0214199-A489-8510-FCC0-F5944E15988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AF37A4DE-F573-CC82-565C-CE0F390C5798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Abril 2025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597B74E6-DE7C-A52B-5667-69E40917BFF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367019"/>
            <a:ext cx="7556741" cy="52102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3301952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A52944C-0A6B-1EBE-8A53-59F6B2D438E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663F1DBA-356F-0666-514D-84AC8A00485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yo 2025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7D96F066-7FE6-D7CD-69A9-D5143C493B6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06285"/>
            <a:ext cx="7556741" cy="525528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4793676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46C9B22-8E44-DC9A-9E61-360CCD29E3C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EFFDD9BB-C4C9-D3A0-292B-20D84F427986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Junio 2025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17554BBB-F791-BD92-F05D-835DD55D702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291826"/>
            <a:ext cx="7556740" cy="52022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79341568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E915C03-5FA9-2739-E2EC-A31824C5C27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FAB4841C-A0A2-9081-3B19-F937B0535C32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Julio 2025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1B084D05-01D0-53A9-90A8-AFF92DCE3A8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11216"/>
            <a:ext cx="7556741" cy="523623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1075862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GOBIERNO DEL CAMBIO">
      <a:majorFont>
        <a:latin typeface="Helvetica"/>
        <a:ea typeface=""/>
        <a:cs typeface=""/>
      </a:majorFont>
      <a:minorFont>
        <a:latin typeface="Helvetic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390</TotalTime>
  <Words>75</Words>
  <Application>Microsoft Office PowerPoint</Application>
  <PresentationFormat>Panorámica</PresentationFormat>
  <Paragraphs>17</Paragraphs>
  <Slides>15</Slides>
  <Notes>0</Notes>
  <HiddenSlides>0</HiddenSlides>
  <MMClips>0</MMClips>
  <ScaleCrop>false</ScaleCrop>
  <HeadingPairs>
    <vt:vector size="6" baseType="variant">
      <vt:variant>
        <vt:lpstr>Fuentes usadas</vt:lpstr>
      </vt:variant>
      <vt:variant>
        <vt:i4>4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15</vt:i4>
      </vt:variant>
    </vt:vector>
  </HeadingPairs>
  <TitlesOfParts>
    <vt:vector size="20" baseType="lpstr">
      <vt:lpstr>Arial</vt:lpstr>
      <vt:lpstr>Calibri</vt:lpstr>
      <vt:lpstr>Gill Sans MT</vt:lpstr>
      <vt:lpstr>Verdana</vt:lpstr>
      <vt:lpstr>Tema de Offic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William Camilo  Baracaldo Godoy</dc:creator>
  <cp:lastModifiedBy>Maria Camila Forero Nuñez</cp:lastModifiedBy>
  <cp:revision>31</cp:revision>
  <dcterms:created xsi:type="dcterms:W3CDTF">2023-05-08T00:34:42Z</dcterms:created>
  <dcterms:modified xsi:type="dcterms:W3CDTF">2026-03-03T18:00:3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3f58863d-b18f-495a-b538-b0c1f8318a5b_Enabled">
    <vt:lpwstr>true</vt:lpwstr>
  </property>
  <property fmtid="{D5CDD505-2E9C-101B-9397-08002B2CF9AE}" pid="3" name="MSIP_Label_3f58863d-b18f-495a-b538-b0c1f8318a5b_SetDate">
    <vt:lpwstr>2026-03-03T17:52:06Z</vt:lpwstr>
  </property>
  <property fmtid="{D5CDD505-2E9C-101B-9397-08002B2CF9AE}" pid="4" name="MSIP_Label_3f58863d-b18f-495a-b538-b0c1f8318a5b_Method">
    <vt:lpwstr>Privileged</vt:lpwstr>
  </property>
  <property fmtid="{D5CDD505-2E9C-101B-9397-08002B2CF9AE}" pid="5" name="MSIP_Label_3f58863d-b18f-495a-b538-b0c1f8318a5b_Name">
    <vt:lpwstr>Interna</vt:lpwstr>
  </property>
  <property fmtid="{D5CDD505-2E9C-101B-9397-08002B2CF9AE}" pid="6" name="MSIP_Label_3f58863d-b18f-495a-b538-b0c1f8318a5b_SiteId">
    <vt:lpwstr>b4ea60d8-be49-40bc-98c4-18c43bfd721e</vt:lpwstr>
  </property>
  <property fmtid="{D5CDD505-2E9C-101B-9397-08002B2CF9AE}" pid="7" name="MSIP_Label_3f58863d-b18f-495a-b538-b0c1f8318a5b_ActionId">
    <vt:lpwstr>0ec31ad9-bf3d-4e83-bea8-3670e6dbea40</vt:lpwstr>
  </property>
  <property fmtid="{D5CDD505-2E9C-101B-9397-08002B2CF9AE}" pid="8" name="MSIP_Label_3f58863d-b18f-495a-b538-b0c1f8318a5b_ContentBits">
    <vt:lpwstr>0</vt:lpwstr>
  </property>
  <property fmtid="{D5CDD505-2E9C-101B-9397-08002B2CF9AE}" pid="9" name="MSIP_Label_3f58863d-b18f-495a-b538-b0c1f8318a5b_Tag">
    <vt:lpwstr>10, 0, 1, 1</vt:lpwstr>
  </property>
</Properties>
</file>